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Arquivos para publicação-2021\RGF 3º Quadrim 2021 PUBLICAÇÃO\"/>
    </mc:Choice>
  </mc:AlternateContent>
  <bookViews>
    <workbookView xWindow="0" yWindow="0" windowWidth="20490" windowHeight="7650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5 - Disponibilidade de" sheetId="6" r:id="rId6"/>
    <sheet name="Anexo - 06 - Gestão Fiscal Simp" sheetId="7" r:id="rId7"/>
  </sheets>
  <calcPr calcId="0"/>
</workbook>
</file>

<file path=xl/sharedStrings.xml><?xml version="1.0" encoding="utf-8"?>
<sst xmlns="http://schemas.openxmlformats.org/spreadsheetml/2006/main" count="624" uniqueCount="292">
  <si>
    <t>ESTADO DE MATO GROSSO DO SUL</t>
  </si>
  <si>
    <t>Relatório de Gestão Fiscal</t>
  </si>
  <si>
    <t>DEMONSTRATIVO DA DESPESA COM PESSOAL</t>
  </si>
  <si>
    <t>Orçamentos Fiscal e da Seguridade Social</t>
  </si>
  <si>
    <t>JANEIRO A DEZEMBRO DE 2021 / QUADRIMESTRE SETEMBRO - DEZEMBRO</t>
  </si>
  <si>
    <t>RGF - Anexo 1 (LRF, art. 55, inciso I, alínea "a")</t>
  </si>
  <si>
    <t>Nº</t>
  </si>
  <si>
    <t/>
  </si>
  <si>
    <t>DESPESA COM PESSOAL</t>
  </si>
  <si>
    <t>Despesas Liquidadas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Set/2021</t>
  </si>
  <si>
    <t>Out/2021</t>
  </si>
  <si>
    <t>Nov/2021</t>
  </si>
  <si>
    <t>Dez/2021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 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 xml:space="preserve">(-) Transferências obrigatórias da União relativas às emendas individuais (art. 166-A, § 1º, da CF) (V) </t>
  </si>
  <si>
    <t>18</t>
  </si>
  <si>
    <t xml:space="preserve">(-) Transferências obrigatórias da União relativas às emendas de bancada (art. 166, § 16 da CF) (VI)  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1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DA DISPONIBILIDADE DE CAIXA E DOS RESTOS A PAGAR</t>
  </si>
  <si>
    <t>RGF - Anexo 5 (LRF, art. 55, Inciso III, alínea "a")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Ordinári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Plano Previdenciário²</t>
  </si>
  <si>
    <t xml:space="preserve">   Recursos Vinculados  ao RPPS - Plano Financeiro</t>
  </si>
  <si>
    <t xml:space="preserve">   Recursos de Operações de Crédito (exceto vinculados à Educação e à Saúde)</t>
  </si>
  <si>
    <t xml:space="preserve">   Recursos de Alienação de Bens/Ativos</t>
  </si>
  <si>
    <t xml:space="preserve">   Outros Recursos Vinculados</t>
  </si>
  <si>
    <t>TOTAL (III) = (I + II)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90.140625" bestFit="1" customWidth="1"/>
    <col min="3" max="3" width="20.140625" bestFit="1" customWidth="1"/>
    <col min="4" max="4" width="17.42578125" bestFit="1" customWidth="1"/>
    <col min="5" max="13" width="17.28515625" bestFit="1" customWidth="1"/>
    <col min="14" max="15" width="19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994043599</v>
      </c>
      <c r="D12" s="11">
        <v>680482318.45000005</v>
      </c>
      <c r="E12" s="11">
        <v>715347018.23000002</v>
      </c>
      <c r="F12" s="11">
        <v>719070208.19000006</v>
      </c>
      <c r="G12" s="11">
        <v>681311905.87</v>
      </c>
      <c r="H12" s="11">
        <v>712906308.07000005</v>
      </c>
      <c r="I12" s="11">
        <v>748497464.26999998</v>
      </c>
      <c r="J12" s="11">
        <v>752759489.94000006</v>
      </c>
      <c r="K12" s="11">
        <v>743730767.15999997</v>
      </c>
      <c r="L12" s="11">
        <v>741846742.19000006</v>
      </c>
      <c r="M12" s="11">
        <v>696383239.37</v>
      </c>
      <c r="N12" s="11">
        <v>1415650657.55</v>
      </c>
      <c r="O12" s="11">
        <v>9602029718.2900009</v>
      </c>
      <c r="P12" s="11">
        <v>293102.26</v>
      </c>
    </row>
    <row r="13" spans="1:16" x14ac:dyDescent="0.25">
      <c r="A13" s="3" t="s">
        <v>26</v>
      </c>
      <c r="B13" s="5" t="s">
        <v>27</v>
      </c>
      <c r="C13" s="11">
        <v>518864076.17000002</v>
      </c>
      <c r="D13" s="11">
        <v>443520011.55000001</v>
      </c>
      <c r="E13" s="11">
        <v>455348488.45999998</v>
      </c>
      <c r="F13" s="11">
        <v>470820313.61000001</v>
      </c>
      <c r="G13" s="11">
        <v>467818200.29000002</v>
      </c>
      <c r="H13" s="11">
        <v>481216115.14999998</v>
      </c>
      <c r="I13" s="11">
        <v>458489966.39999998</v>
      </c>
      <c r="J13" s="11">
        <v>453213607.22000003</v>
      </c>
      <c r="K13" s="11">
        <v>470686652.73000002</v>
      </c>
      <c r="L13" s="11">
        <v>487378952.63</v>
      </c>
      <c r="M13" s="11">
        <v>437526341.33999997</v>
      </c>
      <c r="N13" s="11">
        <v>900851154.65999997</v>
      </c>
      <c r="O13" s="11">
        <v>6045733880.21</v>
      </c>
      <c r="P13" s="11">
        <v>293102.26</v>
      </c>
    </row>
    <row r="14" spans="1:16" x14ac:dyDescent="0.25">
      <c r="A14" s="2" t="s">
        <v>28</v>
      </c>
      <c r="B14" s="4" t="s">
        <v>29</v>
      </c>
      <c r="C14" s="12">
        <v>370215851.67000002</v>
      </c>
      <c r="D14" s="12">
        <v>296691845.88</v>
      </c>
      <c r="E14" s="12">
        <v>307762926.60000002</v>
      </c>
      <c r="F14" s="12">
        <v>322249654.18000001</v>
      </c>
      <c r="G14" s="12">
        <v>318360709.76999998</v>
      </c>
      <c r="H14" s="12">
        <v>338214444.72000003</v>
      </c>
      <c r="I14" s="12">
        <v>309988685.25</v>
      </c>
      <c r="J14" s="12">
        <v>304155420.80000001</v>
      </c>
      <c r="K14" s="12">
        <v>321817097.94999999</v>
      </c>
      <c r="L14" s="12">
        <v>330583205.06999999</v>
      </c>
      <c r="M14" s="12">
        <v>286674840.48000002</v>
      </c>
      <c r="N14" s="12">
        <v>604758958.58000004</v>
      </c>
      <c r="O14" s="12">
        <v>4111473640.9499998</v>
      </c>
      <c r="P14" s="12">
        <v>249556.5</v>
      </c>
    </row>
    <row r="15" spans="1:16" x14ac:dyDescent="0.25">
      <c r="A15" s="2" t="s">
        <v>30</v>
      </c>
      <c r="B15" s="4" t="s">
        <v>31</v>
      </c>
      <c r="C15" s="12">
        <v>148648224.5</v>
      </c>
      <c r="D15" s="12">
        <v>146828165.66999999</v>
      </c>
      <c r="E15" s="12">
        <v>147585561.86000001</v>
      </c>
      <c r="F15" s="12">
        <v>148570659.43000001</v>
      </c>
      <c r="G15" s="12">
        <v>149457490.52000001</v>
      </c>
      <c r="H15" s="12">
        <v>143001670.43000001</v>
      </c>
      <c r="I15" s="12">
        <v>148501281.15000001</v>
      </c>
      <c r="J15" s="12">
        <v>149058186.41999999</v>
      </c>
      <c r="K15" s="12">
        <v>148869554.78</v>
      </c>
      <c r="L15" s="12">
        <v>156795747.56</v>
      </c>
      <c r="M15" s="12">
        <v>150851500.86000001</v>
      </c>
      <c r="N15" s="12">
        <v>296092196.07999998</v>
      </c>
      <c r="O15" s="12">
        <v>1934260239.26</v>
      </c>
      <c r="P15" s="12">
        <v>43545.760000000002</v>
      </c>
    </row>
    <row r="16" spans="1:16" x14ac:dyDescent="0.25">
      <c r="A16" s="3" t="s">
        <v>32</v>
      </c>
      <c r="B16" s="5" t="s">
        <v>33</v>
      </c>
      <c r="C16" s="11">
        <v>475179522.82999998</v>
      </c>
      <c r="D16" s="11">
        <v>236962306.90000001</v>
      </c>
      <c r="E16" s="11">
        <v>259998529.77000001</v>
      </c>
      <c r="F16" s="11">
        <v>248249894.58000001</v>
      </c>
      <c r="G16" s="11">
        <v>213493705.58000001</v>
      </c>
      <c r="H16" s="11">
        <v>231690192.91999999</v>
      </c>
      <c r="I16" s="11">
        <v>290007497.87</v>
      </c>
      <c r="J16" s="11">
        <v>299545882.72000003</v>
      </c>
      <c r="K16" s="11">
        <v>273044114.43000001</v>
      </c>
      <c r="L16" s="11">
        <v>254467789.56</v>
      </c>
      <c r="M16" s="11">
        <v>258856898.03</v>
      </c>
      <c r="N16" s="11">
        <v>514799502.88999999</v>
      </c>
      <c r="O16" s="11">
        <v>3556295838.0799999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411105523.08999997</v>
      </c>
      <c r="D17" s="12">
        <v>205732248.66</v>
      </c>
      <c r="E17" s="12">
        <v>228193151.40000001</v>
      </c>
      <c r="F17" s="12">
        <v>214319293.13</v>
      </c>
      <c r="G17" s="12">
        <v>191043731.25999999</v>
      </c>
      <c r="H17" s="12">
        <v>190611568.53999999</v>
      </c>
      <c r="I17" s="12">
        <v>256503532.78999999</v>
      </c>
      <c r="J17" s="12">
        <v>264918958.72999999</v>
      </c>
      <c r="K17" s="12">
        <v>231422421.38</v>
      </c>
      <c r="L17" s="12">
        <v>219967592.91</v>
      </c>
      <c r="M17" s="12">
        <v>223750820.97</v>
      </c>
      <c r="N17" s="12">
        <v>445907715.48000002</v>
      </c>
      <c r="O17" s="12">
        <v>3083476558.3400002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64073999.740000002</v>
      </c>
      <c r="D18" s="12">
        <v>31230058.239999998</v>
      </c>
      <c r="E18" s="12">
        <v>31805378.370000001</v>
      </c>
      <c r="F18" s="12">
        <v>33930601.450000003</v>
      </c>
      <c r="G18" s="12">
        <v>22449974.32</v>
      </c>
      <c r="H18" s="12">
        <v>41078624.380000003</v>
      </c>
      <c r="I18" s="12">
        <v>33503965.079999998</v>
      </c>
      <c r="J18" s="12">
        <v>34626923.990000002</v>
      </c>
      <c r="K18" s="12">
        <v>41621693.049999997</v>
      </c>
      <c r="L18" s="12">
        <v>34500196.649999999</v>
      </c>
      <c r="M18" s="12">
        <v>35106077.060000002</v>
      </c>
      <c r="N18" s="12">
        <v>68891787.409999996</v>
      </c>
      <c r="O18" s="12">
        <v>472819279.74000001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432005647.88999999</v>
      </c>
      <c r="D21" s="11">
        <v>175902387.31</v>
      </c>
      <c r="E21" s="11">
        <v>210032532.41999999</v>
      </c>
      <c r="F21" s="11">
        <v>217417278.33000001</v>
      </c>
      <c r="G21" s="11">
        <v>210395896.65000001</v>
      </c>
      <c r="H21" s="11">
        <v>221402966.16999999</v>
      </c>
      <c r="I21" s="11">
        <v>269990113.05000001</v>
      </c>
      <c r="J21" s="11">
        <v>276741139.80000001</v>
      </c>
      <c r="K21" s="11">
        <v>235840944.87</v>
      </c>
      <c r="L21" s="11">
        <v>243206590.25999999</v>
      </c>
      <c r="M21" s="11">
        <v>237669393.66</v>
      </c>
      <c r="N21" s="11">
        <v>455566032.25999999</v>
      </c>
      <c r="O21" s="11">
        <v>3186170922.6700001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2425319.54</v>
      </c>
      <c r="D22" s="12">
        <v>2268144.1</v>
      </c>
      <c r="E22" s="12">
        <v>2392227.6</v>
      </c>
      <c r="F22" s="12">
        <v>1680297.95</v>
      </c>
      <c r="G22" s="12">
        <v>2122696.42</v>
      </c>
      <c r="H22" s="12">
        <v>1452636.13</v>
      </c>
      <c r="I22" s="12">
        <v>1288165.1000000001</v>
      </c>
      <c r="J22" s="12">
        <v>2836460.91</v>
      </c>
      <c r="K22" s="12">
        <v>1511375.61</v>
      </c>
      <c r="L22" s="12">
        <v>1267014.25</v>
      </c>
      <c r="M22" s="12">
        <v>1003631.8</v>
      </c>
      <c r="N22" s="12">
        <v>680251.3</v>
      </c>
      <c r="O22" s="12">
        <v>20928220.710000001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51326951.390000001</v>
      </c>
      <c r="D23" s="12">
        <v>25789395.850000001</v>
      </c>
      <c r="E23" s="12">
        <v>25904394.960000001</v>
      </c>
      <c r="F23" s="12">
        <v>26174270.629999999</v>
      </c>
      <c r="G23" s="12">
        <v>26186170.989999998</v>
      </c>
      <c r="H23" s="12">
        <v>26671346.440000001</v>
      </c>
      <c r="I23" s="12">
        <v>21835030.129999999</v>
      </c>
      <c r="J23" s="12">
        <v>21970308.75</v>
      </c>
      <c r="K23" s="12">
        <v>21939469.649999999</v>
      </c>
      <c r="L23" s="12">
        <v>22155690.629999999</v>
      </c>
      <c r="M23" s="12">
        <v>22155690.629999999</v>
      </c>
      <c r="N23" s="12">
        <v>22137440.16</v>
      </c>
      <c r="O23" s="12">
        <v>314246160.20999998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2540626.86</v>
      </c>
      <c r="D24" s="12">
        <v>2923150.88</v>
      </c>
      <c r="E24" s="12">
        <v>4719634</v>
      </c>
      <c r="F24" s="12">
        <v>6218895.1200000001</v>
      </c>
      <c r="G24" s="12">
        <v>6973916.9800000004</v>
      </c>
      <c r="H24" s="12">
        <v>4351925.84</v>
      </c>
      <c r="I24" s="12">
        <v>3550025.86</v>
      </c>
      <c r="J24" s="12">
        <v>1927029.28</v>
      </c>
      <c r="K24" s="12">
        <v>3107892.11</v>
      </c>
      <c r="L24" s="12">
        <v>3257666.99</v>
      </c>
      <c r="M24" s="12">
        <v>2877238.87</v>
      </c>
      <c r="N24" s="12">
        <v>2832113.01</v>
      </c>
      <c r="O24" s="12">
        <v>45280115.799999997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375712750.10000002</v>
      </c>
      <c r="D25" s="12">
        <v>144921696.47999999</v>
      </c>
      <c r="E25" s="12">
        <v>177016275.86000001</v>
      </c>
      <c r="F25" s="12">
        <v>183343814.63</v>
      </c>
      <c r="G25" s="12">
        <v>175113112.25999999</v>
      </c>
      <c r="H25" s="12">
        <v>188927057.75999999</v>
      </c>
      <c r="I25" s="12">
        <v>243316891.96000001</v>
      </c>
      <c r="J25" s="12">
        <v>250007340.86000001</v>
      </c>
      <c r="K25" s="12">
        <v>209282207.5</v>
      </c>
      <c r="L25" s="12">
        <v>216526218.38999999</v>
      </c>
      <c r="M25" s="12">
        <v>211632832.36000001</v>
      </c>
      <c r="N25" s="12">
        <v>429916227.79000002</v>
      </c>
      <c r="O25" s="12">
        <v>2805716425.9499998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562037951.11000001</v>
      </c>
      <c r="D26" s="11">
        <v>504579931.13999999</v>
      </c>
      <c r="E26" s="11">
        <v>505314485.81</v>
      </c>
      <c r="F26" s="11">
        <v>501652929.86000001</v>
      </c>
      <c r="G26" s="11">
        <v>470916009.22000003</v>
      </c>
      <c r="H26" s="11">
        <v>491503341.89999998</v>
      </c>
      <c r="I26" s="11">
        <v>478507351.22000003</v>
      </c>
      <c r="J26" s="11">
        <v>476018350.13999999</v>
      </c>
      <c r="K26" s="11">
        <v>507889822.29000002</v>
      </c>
      <c r="L26" s="11">
        <v>498640151.93000001</v>
      </c>
      <c r="M26" s="11">
        <v>458713845.70999998</v>
      </c>
      <c r="N26" s="11">
        <v>960084625.28999996</v>
      </c>
      <c r="O26" s="11">
        <v>6415858795.6199999</v>
      </c>
      <c r="P26" s="11">
        <v>293102.26</v>
      </c>
    </row>
    <row r="28" spans="1:16" x14ac:dyDescent="0.25">
      <c r="A28" s="10" t="s">
        <v>6</v>
      </c>
      <c r="B28" s="10" t="s">
        <v>54</v>
      </c>
      <c r="C28" s="10" t="s">
        <v>55</v>
      </c>
      <c r="D28" s="10" t="s">
        <v>56</v>
      </c>
    </row>
    <row r="29" spans="1:16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16" x14ac:dyDescent="0.25">
      <c r="A30" s="2" t="s">
        <v>57</v>
      </c>
      <c r="B30" s="4" t="s">
        <v>58</v>
      </c>
      <c r="C30" s="12">
        <v>15816038193.469999</v>
      </c>
      <c r="D30" s="12">
        <v>0.12</v>
      </c>
    </row>
    <row r="31" spans="1:16" x14ac:dyDescent="0.25">
      <c r="A31" s="2" t="s">
        <v>59</v>
      </c>
      <c r="B31" s="4" t="s">
        <v>60</v>
      </c>
      <c r="C31" s="12">
        <v>6924249</v>
      </c>
      <c r="D31" s="12">
        <v>0.04</v>
      </c>
    </row>
    <row r="32" spans="1:16" x14ac:dyDescent="0.25">
      <c r="A32" s="2" t="s">
        <v>61</v>
      </c>
      <c r="B32" s="4" t="s">
        <v>62</v>
      </c>
      <c r="C32" s="12">
        <v>12000000</v>
      </c>
      <c r="D32" s="12">
        <v>0.08</v>
      </c>
    </row>
    <row r="33" spans="1:11" x14ac:dyDescent="0.25">
      <c r="A33" s="3" t="s">
        <v>63</v>
      </c>
      <c r="B33" s="5" t="s">
        <v>64</v>
      </c>
      <c r="C33" s="11">
        <v>15797113944.469999</v>
      </c>
      <c r="D33" s="11">
        <v>100</v>
      </c>
    </row>
    <row r="34" spans="1:11" x14ac:dyDescent="0.25">
      <c r="A34" s="2" t="s">
        <v>65</v>
      </c>
      <c r="B34" s="4" t="s">
        <v>66</v>
      </c>
      <c r="C34" s="12">
        <v>6416151897.8800001</v>
      </c>
      <c r="D34" s="12">
        <v>40.619999999999997</v>
      </c>
    </row>
    <row r="35" spans="1:11" x14ac:dyDescent="0.25">
      <c r="A35" s="2" t="s">
        <v>67</v>
      </c>
      <c r="B35" s="4" t="s">
        <v>68</v>
      </c>
      <c r="C35" s="12">
        <v>7740585832.79</v>
      </c>
      <c r="D35" s="12">
        <v>49</v>
      </c>
    </row>
    <row r="36" spans="1:11" x14ac:dyDescent="0.25">
      <c r="A36" s="2" t="s">
        <v>69</v>
      </c>
      <c r="B36" s="4" t="s">
        <v>70</v>
      </c>
      <c r="C36" s="12">
        <v>7353556541.1499996</v>
      </c>
      <c r="D36" s="12">
        <v>46.55</v>
      </c>
    </row>
    <row r="37" spans="1:11" x14ac:dyDescent="0.25">
      <c r="A37" s="2" t="s">
        <v>71</v>
      </c>
      <c r="B37" s="4" t="s">
        <v>72</v>
      </c>
      <c r="C37" s="12">
        <v>6966527249.5100002</v>
      </c>
      <c r="D37" s="12">
        <v>44.1</v>
      </c>
    </row>
    <row r="39" spans="1:11" x14ac:dyDescent="0.25">
      <c r="A39" s="10" t="s">
        <v>6</v>
      </c>
      <c r="B39" s="10" t="s">
        <v>73</v>
      </c>
      <c r="C39" s="10" t="s">
        <v>74</v>
      </c>
      <c r="D39" s="10" t="s">
        <v>7</v>
      </c>
      <c r="E39" s="10" t="s">
        <v>7</v>
      </c>
      <c r="F39" s="10" t="s">
        <v>78</v>
      </c>
      <c r="G39" s="10" t="s">
        <v>7</v>
      </c>
      <c r="H39" s="10" t="s">
        <v>7</v>
      </c>
      <c r="I39" s="10" t="s">
        <v>82</v>
      </c>
      <c r="J39" s="10" t="s">
        <v>7</v>
      </c>
      <c r="K39" s="10" t="s">
        <v>82</v>
      </c>
    </row>
    <row r="40" spans="1:11" ht="63" x14ac:dyDescent="0.25">
      <c r="A40" s="10" t="s">
        <v>7</v>
      </c>
      <c r="B40" s="10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</row>
  </sheetData>
  <mergeCells count="19">
    <mergeCell ref="F39:H39"/>
    <mergeCell ref="I39:K39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9"/>
  <sheetViews>
    <sheetView showGridLines="0" workbookViewId="0"/>
  </sheetViews>
  <sheetFormatPr defaultRowHeight="15" x14ac:dyDescent="0.25"/>
  <cols>
    <col min="2" max="2" width="113.7109375" bestFit="1" customWidth="1"/>
    <col min="3" max="4" width="13.140625" bestFit="1" customWidth="1"/>
    <col min="5" max="5" width="10.7109375" bestFit="1" customWidth="1"/>
    <col min="6" max="6" width="13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88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89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90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6" ht="84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25</v>
      </c>
      <c r="C12" s="11">
        <v>471428.57</v>
      </c>
      <c r="D12" s="11">
        <v>306915.90999999997</v>
      </c>
      <c r="E12" s="11">
        <v>8931.64</v>
      </c>
      <c r="F12" s="11">
        <v>315847.55</v>
      </c>
    </row>
    <row r="13" spans="1:6" x14ac:dyDescent="0.25">
      <c r="A13" s="2" t="s">
        <v>26</v>
      </c>
      <c r="B13" s="4" t="s">
        <v>27</v>
      </c>
      <c r="C13" s="12">
        <v>471428.57</v>
      </c>
      <c r="D13" s="12">
        <v>306915.90999999997</v>
      </c>
      <c r="E13" s="12">
        <v>8931.64</v>
      </c>
      <c r="F13" s="12">
        <v>315847.55</v>
      </c>
    </row>
    <row r="14" spans="1:6" x14ac:dyDescent="0.25">
      <c r="A14" s="2" t="s">
        <v>28</v>
      </c>
      <c r="B14" s="4" t="s">
        <v>96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43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4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47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49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3" t="s">
        <v>38</v>
      </c>
      <c r="B19" s="5" t="s">
        <v>97</v>
      </c>
      <c r="C19" s="11">
        <v>471428.57</v>
      </c>
      <c r="D19" s="11">
        <v>306915.90999999997</v>
      </c>
      <c r="E19" s="11">
        <v>8931.64</v>
      </c>
      <c r="F19" s="11">
        <v>315847.55</v>
      </c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workbookViewId="0"/>
  </sheetViews>
  <sheetFormatPr defaultRowHeight="15" x14ac:dyDescent="0.25"/>
  <cols>
    <col min="1" max="1" width="2.7109375" bestFit="1" customWidth="1"/>
    <col min="2" max="2" width="80.140625" bestFit="1" customWidth="1"/>
    <col min="3" max="6" width="20.140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9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9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00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14" x14ac:dyDescent="0.25">
      <c r="A12" s="3" t="s">
        <v>24</v>
      </c>
      <c r="B12" s="5" t="s">
        <v>106</v>
      </c>
      <c r="C12" s="11">
        <v>9352844933.2099991</v>
      </c>
      <c r="D12" s="11">
        <v>9094218582.8099995</v>
      </c>
      <c r="E12" s="11">
        <v>8924026900.2000008</v>
      </c>
      <c r="F12" s="11">
        <v>9071829886.8600006</v>
      </c>
    </row>
    <row r="13" spans="1:14" x14ac:dyDescent="0.25">
      <c r="A13" s="2" t="s">
        <v>26</v>
      </c>
      <c r="B13" s="4" t="s">
        <v>107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108</v>
      </c>
      <c r="C14" s="11">
        <v>8861191887.7000008</v>
      </c>
      <c r="D14" s="11">
        <v>8731752226.0799999</v>
      </c>
      <c r="E14" s="11">
        <v>8658215565.3799992</v>
      </c>
      <c r="F14" s="11">
        <v>8663652527.8700008</v>
      </c>
    </row>
    <row r="15" spans="1:14" x14ac:dyDescent="0.25">
      <c r="A15" s="3" t="s">
        <v>30</v>
      </c>
      <c r="B15" s="5" t="s">
        <v>109</v>
      </c>
      <c r="C15" s="11">
        <v>2309670115.1199999</v>
      </c>
      <c r="D15" s="11">
        <v>2273061012.5</v>
      </c>
      <c r="E15" s="11">
        <v>2267165409.8299999</v>
      </c>
      <c r="F15" s="11">
        <v>2295117578.6599998</v>
      </c>
    </row>
    <row r="16" spans="1:14" x14ac:dyDescent="0.25">
      <c r="A16" s="2" t="s">
        <v>32</v>
      </c>
      <c r="B16" s="4" t="s">
        <v>110</v>
      </c>
      <c r="C16" s="12">
        <v>698020032.71000004</v>
      </c>
      <c r="D16" s="12">
        <v>668007294.67999995</v>
      </c>
      <c r="E16" s="12">
        <v>687994556.63999999</v>
      </c>
      <c r="F16" s="12">
        <v>657981818.62</v>
      </c>
    </row>
    <row r="17" spans="1:6" x14ac:dyDescent="0.25">
      <c r="A17" s="2" t="s">
        <v>34</v>
      </c>
      <c r="B17" s="4" t="s">
        <v>111</v>
      </c>
      <c r="C17" s="12">
        <v>1611650082.4100001</v>
      </c>
      <c r="D17" s="12">
        <v>1605053717.8199999</v>
      </c>
      <c r="E17" s="12">
        <v>1579170853.1900001</v>
      </c>
      <c r="F17" s="12">
        <v>1637135760.04</v>
      </c>
    </row>
    <row r="18" spans="1:6" x14ac:dyDescent="0.25">
      <c r="A18" s="2" t="s">
        <v>36</v>
      </c>
      <c r="B18" s="4" t="s">
        <v>112</v>
      </c>
      <c r="C18" s="12">
        <v>6434195671.5100002</v>
      </c>
      <c r="D18" s="12">
        <v>6349928635.5100002</v>
      </c>
      <c r="E18" s="12">
        <v>6290474814.8999996</v>
      </c>
      <c r="F18" s="12">
        <v>6275994813.9300003</v>
      </c>
    </row>
    <row r="19" spans="1:6" x14ac:dyDescent="0.25">
      <c r="A19" s="3" t="s">
        <v>38</v>
      </c>
      <c r="B19" s="5" t="s">
        <v>113</v>
      </c>
      <c r="C19" s="11">
        <v>3000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10</v>
      </c>
      <c r="C20" s="12">
        <v>3000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11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14</v>
      </c>
      <c r="C22" s="11">
        <v>117296101.06999999</v>
      </c>
      <c r="D22" s="11">
        <v>108762578.06999999</v>
      </c>
      <c r="E22" s="11">
        <v>100575340.65000001</v>
      </c>
      <c r="F22" s="11">
        <v>92540135.280000001</v>
      </c>
    </row>
    <row r="23" spans="1:6" x14ac:dyDescent="0.25">
      <c r="A23" s="2" t="s">
        <v>46</v>
      </c>
      <c r="B23" s="4" t="s">
        <v>115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16</v>
      </c>
      <c r="C24" s="12">
        <v>18634613.600000001</v>
      </c>
      <c r="D24" s="12">
        <v>15870439.869999999</v>
      </c>
      <c r="E24" s="12">
        <v>13105714.890000001</v>
      </c>
      <c r="F24" s="12">
        <v>10060515.66</v>
      </c>
    </row>
    <row r="25" spans="1:6" x14ac:dyDescent="0.25">
      <c r="A25" s="2" t="s">
        <v>50</v>
      </c>
      <c r="B25" s="4" t="s">
        <v>117</v>
      </c>
      <c r="C25" s="12">
        <v>98661487.469999999</v>
      </c>
      <c r="D25" s="12">
        <v>92892138.200000003</v>
      </c>
      <c r="E25" s="12">
        <v>87469625.760000005</v>
      </c>
      <c r="F25" s="12">
        <v>82479619.620000005</v>
      </c>
    </row>
    <row r="26" spans="1:6" x14ac:dyDescent="0.25">
      <c r="A26" s="2" t="s">
        <v>52</v>
      </c>
      <c r="B26" s="4" t="s">
        <v>118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19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2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21</v>
      </c>
      <c r="C29" s="12">
        <v>491653045.50999999</v>
      </c>
      <c r="D29" s="12">
        <v>362466356.73000002</v>
      </c>
      <c r="E29" s="12">
        <v>265811334.81999999</v>
      </c>
      <c r="F29" s="12">
        <v>408177358.99000001</v>
      </c>
    </row>
    <row r="30" spans="1:6" x14ac:dyDescent="0.25">
      <c r="A30" s="2" t="s">
        <v>63</v>
      </c>
      <c r="B30" s="4" t="s">
        <v>122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23</v>
      </c>
      <c r="C31" s="11">
        <v>3609284331.3299999</v>
      </c>
      <c r="D31" s="11">
        <v>4688182191.6700001</v>
      </c>
      <c r="E31" s="11">
        <v>5444257666.7799997</v>
      </c>
      <c r="F31" s="11">
        <v>5688487695.2600002</v>
      </c>
    </row>
    <row r="32" spans="1:6" x14ac:dyDescent="0.25">
      <c r="A32" s="2" t="s">
        <v>67</v>
      </c>
      <c r="B32" s="4" t="s">
        <v>124</v>
      </c>
      <c r="C32" s="12">
        <v>3285610223.1199999</v>
      </c>
      <c r="D32" s="12">
        <v>4355364828.7600002</v>
      </c>
      <c r="E32" s="12">
        <v>5092963210.8299999</v>
      </c>
      <c r="F32" s="12">
        <v>5331575745.3400002</v>
      </c>
    </row>
    <row r="33" spans="1:6" x14ac:dyDescent="0.25">
      <c r="A33" s="2" t="s">
        <v>69</v>
      </c>
      <c r="B33" s="4" t="s">
        <v>125</v>
      </c>
      <c r="C33" s="12">
        <v>3595662492.1100001</v>
      </c>
      <c r="D33" s="12">
        <v>4441797483.8900003</v>
      </c>
      <c r="E33" s="12">
        <v>5162505456.6300001</v>
      </c>
      <c r="F33" s="12">
        <v>5459843836.9899998</v>
      </c>
    </row>
    <row r="34" spans="1:6" x14ac:dyDescent="0.25">
      <c r="A34" s="2" t="s">
        <v>71</v>
      </c>
      <c r="B34" s="4" t="s">
        <v>126</v>
      </c>
      <c r="C34" s="12">
        <v>310052268.99000001</v>
      </c>
      <c r="D34" s="12">
        <v>86432655.129999995</v>
      </c>
      <c r="E34" s="12">
        <v>69542245.799999997</v>
      </c>
      <c r="F34" s="12">
        <v>128268091.65000001</v>
      </c>
    </row>
    <row r="35" spans="1:6" x14ac:dyDescent="0.25">
      <c r="A35" s="2" t="s">
        <v>86</v>
      </c>
      <c r="B35" s="4" t="s">
        <v>127</v>
      </c>
      <c r="C35" s="12">
        <v>323674108.20999998</v>
      </c>
      <c r="D35" s="12">
        <v>332817362.91000003</v>
      </c>
      <c r="E35" s="12">
        <v>351294455.94999999</v>
      </c>
      <c r="F35" s="12">
        <v>356911949.92000002</v>
      </c>
    </row>
    <row r="36" spans="1:6" x14ac:dyDescent="0.25">
      <c r="A36" s="3" t="s">
        <v>128</v>
      </c>
      <c r="B36" s="5" t="s">
        <v>129</v>
      </c>
      <c r="C36" s="11">
        <v>5743560601.8800001</v>
      </c>
      <c r="D36" s="11">
        <v>4406036391.1400003</v>
      </c>
      <c r="E36" s="11">
        <v>3479769233.4200001</v>
      </c>
      <c r="F36" s="11">
        <v>3383342191.5999999</v>
      </c>
    </row>
    <row r="37" spans="1:6" x14ac:dyDescent="0.25">
      <c r="A37" s="2" t="s">
        <v>130</v>
      </c>
      <c r="B37" s="4" t="s">
        <v>58</v>
      </c>
      <c r="C37" s="12">
        <v>14070824317.809999</v>
      </c>
      <c r="D37" s="12">
        <v>14679824182.620001</v>
      </c>
      <c r="E37" s="12">
        <v>15294081550.82</v>
      </c>
      <c r="F37" s="12">
        <v>15816038193.469999</v>
      </c>
    </row>
    <row r="38" spans="1:6" x14ac:dyDescent="0.25">
      <c r="A38" s="2" t="s">
        <v>131</v>
      </c>
      <c r="B38" s="4" t="s">
        <v>132</v>
      </c>
      <c r="C38" s="12">
        <v>1181597.1200000001</v>
      </c>
      <c r="D38" s="12">
        <v>1181597.1200000001</v>
      </c>
      <c r="E38" s="12">
        <v>590454</v>
      </c>
      <c r="F38" s="12">
        <v>6924249</v>
      </c>
    </row>
    <row r="39" spans="1:6" x14ac:dyDescent="0.25">
      <c r="A39" s="3" t="s">
        <v>133</v>
      </c>
      <c r="B39" s="5" t="s">
        <v>134</v>
      </c>
      <c r="C39" s="11">
        <v>14069642720.690001</v>
      </c>
      <c r="D39" s="11">
        <v>14678642585.5</v>
      </c>
      <c r="E39" s="11">
        <v>15293491096.82</v>
      </c>
      <c r="F39" s="11">
        <v>15809113944.469999</v>
      </c>
    </row>
    <row r="40" spans="1:6" x14ac:dyDescent="0.25">
      <c r="A40" s="2" t="s">
        <v>135</v>
      </c>
      <c r="B40" s="4" t="s">
        <v>136</v>
      </c>
      <c r="C40" s="12">
        <v>66.48</v>
      </c>
      <c r="D40" s="12">
        <v>61.96</v>
      </c>
      <c r="E40" s="12">
        <v>58.35</v>
      </c>
      <c r="F40" s="12">
        <v>57.38</v>
      </c>
    </row>
    <row r="41" spans="1:6" x14ac:dyDescent="0.25">
      <c r="A41" s="2" t="s">
        <v>137</v>
      </c>
      <c r="B41" s="4" t="s">
        <v>138</v>
      </c>
      <c r="C41" s="12">
        <v>40.82</v>
      </c>
      <c r="D41" s="12">
        <v>30.02</v>
      </c>
      <c r="E41" s="12">
        <v>22.75</v>
      </c>
      <c r="F41" s="12">
        <v>21.4</v>
      </c>
    </row>
    <row r="42" spans="1:6" x14ac:dyDescent="0.25">
      <c r="A42" s="2" t="s">
        <v>139</v>
      </c>
      <c r="B42" s="4" t="s">
        <v>140</v>
      </c>
      <c r="C42" s="12">
        <v>28141648635.619999</v>
      </c>
      <c r="D42" s="12">
        <v>29359648365.240002</v>
      </c>
      <c r="E42" s="12">
        <v>30588163101.639999</v>
      </c>
      <c r="F42" s="12">
        <v>31632076386.939999</v>
      </c>
    </row>
    <row r="43" spans="1:6" x14ac:dyDescent="0.25">
      <c r="A43" s="2" t="s">
        <v>141</v>
      </c>
      <c r="B43" s="4" t="s">
        <v>142</v>
      </c>
      <c r="C43" s="12">
        <v>25327483772.060001</v>
      </c>
      <c r="D43" s="12">
        <v>26423683528.720001</v>
      </c>
      <c r="E43" s="12">
        <v>27529346791.48</v>
      </c>
      <c r="F43" s="12">
        <v>28468868748.25</v>
      </c>
    </row>
    <row r="45" spans="1:6" x14ac:dyDescent="0.25">
      <c r="A45" s="10" t="s">
        <v>6</v>
      </c>
      <c r="B45" s="10" t="s">
        <v>143</v>
      </c>
      <c r="C45" s="10" t="s">
        <v>101</v>
      </c>
      <c r="D45" s="10" t="s">
        <v>102</v>
      </c>
      <c r="E45" s="10" t="s">
        <v>7</v>
      </c>
      <c r="F45" s="10" t="s">
        <v>102</v>
      </c>
    </row>
    <row r="46" spans="1:6" ht="21" x14ac:dyDescent="0.25">
      <c r="A46" s="10" t="s">
        <v>7</v>
      </c>
      <c r="B46" s="10" t="s">
        <v>7</v>
      </c>
      <c r="C46" s="10" t="s">
        <v>7</v>
      </c>
      <c r="D46" s="1" t="s">
        <v>103</v>
      </c>
      <c r="E46" s="1" t="s">
        <v>104</v>
      </c>
      <c r="F46" s="1" t="s">
        <v>105</v>
      </c>
    </row>
    <row r="47" spans="1:6" x14ac:dyDescent="0.25">
      <c r="A47" s="2" t="s">
        <v>144</v>
      </c>
      <c r="B47" s="4" t="s">
        <v>145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146</v>
      </c>
      <c r="B48" s="4" t="s">
        <v>147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48</v>
      </c>
      <c r="B49" s="4" t="s">
        <v>149</v>
      </c>
      <c r="C49" s="12">
        <v>9069066489.3199997</v>
      </c>
      <c r="D49" s="12">
        <v>9069066489.3199997</v>
      </c>
      <c r="E49" s="12">
        <v>9069066489.3199997</v>
      </c>
      <c r="F49" s="12">
        <v>10254540100.690001</v>
      </c>
    </row>
    <row r="50" spans="1:14" x14ac:dyDescent="0.25">
      <c r="A50" s="2" t="s">
        <v>150</v>
      </c>
      <c r="B50" s="4" t="s">
        <v>151</v>
      </c>
      <c r="C50" s="12">
        <v>0</v>
      </c>
      <c r="D50" s="12">
        <v>0</v>
      </c>
      <c r="E50" s="12">
        <v>0</v>
      </c>
      <c r="F50" s="12">
        <v>0</v>
      </c>
    </row>
    <row r="51" spans="1:14" x14ac:dyDescent="0.25">
      <c r="A51" s="2" t="s">
        <v>152</v>
      </c>
      <c r="B51" s="4" t="s">
        <v>153</v>
      </c>
      <c r="C51" s="12">
        <v>149027277.94999999</v>
      </c>
      <c r="D51" s="12">
        <v>156598346.09999999</v>
      </c>
      <c r="E51" s="12">
        <v>127772511.31999999</v>
      </c>
      <c r="F51" s="12">
        <v>87262989.180000007</v>
      </c>
    </row>
    <row r="52" spans="1:14" x14ac:dyDescent="0.25">
      <c r="A52" s="2" t="s">
        <v>154</v>
      </c>
      <c r="B52" s="4" t="s">
        <v>155</v>
      </c>
      <c r="C52" s="12">
        <v>345036350.76999998</v>
      </c>
      <c r="D52" s="12">
        <v>176210543.31</v>
      </c>
      <c r="E52" s="12">
        <v>115591193.58</v>
      </c>
      <c r="F52" s="12">
        <v>1011247239.36</v>
      </c>
    </row>
    <row r="53" spans="1:14" x14ac:dyDescent="0.25">
      <c r="A53" s="2" t="s">
        <v>156</v>
      </c>
      <c r="B53" s="4" t="s">
        <v>157</v>
      </c>
      <c r="C53" s="12">
        <v>0</v>
      </c>
      <c r="D53" s="12">
        <v>0</v>
      </c>
      <c r="E53" s="12">
        <v>0</v>
      </c>
      <c r="F53" s="12">
        <v>0</v>
      </c>
    </row>
    <row r="54" spans="1:14" x14ac:dyDescent="0.25">
      <c r="A54" s="2" t="s">
        <v>158</v>
      </c>
      <c r="B54" s="4" t="s">
        <v>159</v>
      </c>
      <c r="C54" s="12">
        <v>0</v>
      </c>
      <c r="D54" s="12">
        <v>0</v>
      </c>
      <c r="E54" s="12">
        <v>0</v>
      </c>
      <c r="F54" s="12">
        <v>0</v>
      </c>
    </row>
    <row r="55" spans="1:14" x14ac:dyDescent="0.25">
      <c r="A55" s="2" t="s">
        <v>160</v>
      </c>
      <c r="B55" s="4" t="s">
        <v>161</v>
      </c>
      <c r="C55" s="12">
        <v>2728786.97</v>
      </c>
      <c r="D55" s="12">
        <v>70815.38</v>
      </c>
      <c r="E55" s="12">
        <v>66500</v>
      </c>
      <c r="F55" s="12">
        <v>66500</v>
      </c>
    </row>
    <row r="57" spans="1:14" x14ac:dyDescent="0.25">
      <c r="A57" s="10" t="s">
        <v>6</v>
      </c>
      <c r="B57" s="10" t="s">
        <v>162</v>
      </c>
      <c r="C57" s="10" t="s">
        <v>163</v>
      </c>
      <c r="D57" s="10" t="s">
        <v>7</v>
      </c>
      <c r="E57" s="10" t="s">
        <v>7</v>
      </c>
      <c r="F57" s="10" t="s">
        <v>78</v>
      </c>
      <c r="G57" s="10" t="s">
        <v>7</v>
      </c>
      <c r="H57" s="10" t="s">
        <v>7</v>
      </c>
      <c r="I57" s="10" t="s">
        <v>82</v>
      </c>
      <c r="J57" s="10" t="s">
        <v>7</v>
      </c>
      <c r="K57" s="10" t="s">
        <v>7</v>
      </c>
      <c r="L57" s="10" t="s">
        <v>170</v>
      </c>
      <c r="M57" s="10" t="s">
        <v>7</v>
      </c>
      <c r="N57" s="10" t="s">
        <v>170</v>
      </c>
    </row>
    <row r="58" spans="1:14" ht="42" x14ac:dyDescent="0.25">
      <c r="A58" s="10" t="s">
        <v>7</v>
      </c>
      <c r="B58" s="10" t="s">
        <v>7</v>
      </c>
      <c r="C58" s="1" t="s">
        <v>75</v>
      </c>
      <c r="D58" s="1" t="s">
        <v>164</v>
      </c>
      <c r="E58" s="1" t="s">
        <v>77</v>
      </c>
      <c r="F58" s="1" t="s">
        <v>165</v>
      </c>
      <c r="G58" s="1" t="s">
        <v>80</v>
      </c>
      <c r="H58" s="1" t="s">
        <v>166</v>
      </c>
      <c r="I58" s="1" t="s">
        <v>167</v>
      </c>
      <c r="J58" s="1" t="s">
        <v>168</v>
      </c>
      <c r="K58" s="1" t="s">
        <v>169</v>
      </c>
      <c r="L58" s="1" t="s">
        <v>171</v>
      </c>
      <c r="M58" s="1" t="s">
        <v>172</v>
      </c>
      <c r="N58" s="1" t="s">
        <v>173</v>
      </c>
    </row>
    <row r="59" spans="1:14" x14ac:dyDescent="0.25">
      <c r="A59" s="2" t="s">
        <v>174</v>
      </c>
      <c r="B59" s="4" t="s">
        <v>175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  <c r="J59" s="12">
        <v>0</v>
      </c>
      <c r="K59" s="12">
        <v>0</v>
      </c>
      <c r="L59" s="12">
        <v>0</v>
      </c>
      <c r="M59" s="12">
        <v>0</v>
      </c>
      <c r="N59" s="12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bestFit="1" customWidth="1"/>
    <col min="3" max="6" width="20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76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77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78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6" x14ac:dyDescent="0.25">
      <c r="A12" s="3" t="s">
        <v>24</v>
      </c>
      <c r="B12" s="5" t="s">
        <v>179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80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81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82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83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81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84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80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81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85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86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87</v>
      </c>
      <c r="C23" s="12">
        <v>14070824317.809999</v>
      </c>
      <c r="D23" s="12">
        <v>14679824182.620001</v>
      </c>
      <c r="E23" s="12">
        <v>15294081550.82</v>
      </c>
      <c r="F23" s="12">
        <v>15816038193.469999</v>
      </c>
    </row>
    <row r="24" spans="1:6" x14ac:dyDescent="0.25">
      <c r="A24" s="2" t="s">
        <v>48</v>
      </c>
      <c r="B24" s="4" t="s">
        <v>188</v>
      </c>
      <c r="C24" s="12">
        <v>1181597.1200000001</v>
      </c>
      <c r="D24" s="12">
        <v>1181597.1200000001</v>
      </c>
      <c r="E24" s="12">
        <v>590454</v>
      </c>
      <c r="F24" s="12">
        <v>6924249</v>
      </c>
    </row>
    <row r="25" spans="1:6" x14ac:dyDescent="0.25">
      <c r="A25" s="3" t="s">
        <v>50</v>
      </c>
      <c r="B25" s="5" t="s">
        <v>189</v>
      </c>
      <c r="C25" s="11">
        <v>14069642720.690001</v>
      </c>
      <c r="D25" s="11">
        <v>14678642585.5</v>
      </c>
      <c r="E25" s="11">
        <v>15293491096.82</v>
      </c>
      <c r="F25" s="11">
        <v>15809113944.469999</v>
      </c>
    </row>
    <row r="26" spans="1:6" x14ac:dyDescent="0.25">
      <c r="A26" s="2" t="s">
        <v>52</v>
      </c>
      <c r="B26" s="4" t="s">
        <v>190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91</v>
      </c>
      <c r="C27" s="12">
        <v>3095321398.5500002</v>
      </c>
      <c r="D27" s="12">
        <v>3229301368.8099999</v>
      </c>
      <c r="E27" s="12">
        <v>3364568041.3000002</v>
      </c>
      <c r="F27" s="12">
        <v>3478005067.7800002</v>
      </c>
    </row>
    <row r="28" spans="1:6" x14ac:dyDescent="0.25">
      <c r="A28" s="2" t="s">
        <v>59</v>
      </c>
      <c r="B28" s="4" t="s">
        <v>192</v>
      </c>
      <c r="C28" s="12">
        <v>2785789258.6999998</v>
      </c>
      <c r="D28" s="12">
        <v>2906371231.9299998</v>
      </c>
      <c r="E28" s="12">
        <v>3028111237.1700001</v>
      </c>
      <c r="F28" s="12">
        <v>3130204561.0100002</v>
      </c>
    </row>
    <row r="30" spans="1:6" x14ac:dyDescent="0.25">
      <c r="A30" s="10" t="s">
        <v>6</v>
      </c>
      <c r="B30" s="10" t="s">
        <v>193</v>
      </c>
      <c r="C30" s="10" t="s">
        <v>101</v>
      </c>
      <c r="D30" s="10" t="s">
        <v>102</v>
      </c>
      <c r="E30" s="10" t="s">
        <v>7</v>
      </c>
      <c r="F30" s="10" t="s">
        <v>102</v>
      </c>
    </row>
    <row r="31" spans="1:6" ht="21" x14ac:dyDescent="0.25">
      <c r="A31" s="10" t="s">
        <v>7</v>
      </c>
      <c r="B31" s="10" t="s">
        <v>7</v>
      </c>
      <c r="C31" s="10" t="s">
        <v>7</v>
      </c>
      <c r="D31" s="1" t="s">
        <v>103</v>
      </c>
      <c r="E31" s="1" t="s">
        <v>104</v>
      </c>
      <c r="F31" s="1" t="s">
        <v>105</v>
      </c>
    </row>
    <row r="32" spans="1:6" x14ac:dyDescent="0.25">
      <c r="A32" s="3" t="s">
        <v>61</v>
      </c>
      <c r="B32" s="5" t="s">
        <v>194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195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196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197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195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19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86</v>
      </c>
      <c r="B38" s="5" t="s">
        <v>199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128</v>
      </c>
      <c r="B39" s="4" t="s">
        <v>195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130</v>
      </c>
      <c r="B40" s="4" t="s">
        <v>198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131</v>
      </c>
      <c r="B41" s="4" t="s">
        <v>200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133</v>
      </c>
      <c r="B42" s="5" t="s">
        <v>201</v>
      </c>
      <c r="C42" s="11">
        <v>0</v>
      </c>
      <c r="D42" s="11">
        <v>0</v>
      </c>
      <c r="E42" s="11">
        <v>0</v>
      </c>
      <c r="F42" s="11">
        <v>0</v>
      </c>
    </row>
    <row r="44" spans="1:6" x14ac:dyDescent="0.25">
      <c r="A44" s="10" t="s">
        <v>6</v>
      </c>
      <c r="B44" s="10" t="s">
        <v>202</v>
      </c>
      <c r="C44" s="10" t="s">
        <v>203</v>
      </c>
    </row>
    <row r="45" spans="1:6" x14ac:dyDescent="0.25">
      <c r="A45" s="10" t="s">
        <v>7</v>
      </c>
      <c r="B45" s="10" t="s">
        <v>7</v>
      </c>
      <c r="C45" s="10" t="s">
        <v>7</v>
      </c>
    </row>
    <row r="46" spans="1:6" x14ac:dyDescent="0.25">
      <c r="A46" s="2" t="s">
        <v>135</v>
      </c>
      <c r="B46" s="4" t="s">
        <v>202</v>
      </c>
      <c r="C46" s="12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04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05</v>
      </c>
      <c r="B9" s="7"/>
      <c r="C9" s="7"/>
      <c r="D9" s="7"/>
    </row>
    <row r="10" spans="1:4" x14ac:dyDescent="0.25">
      <c r="A10" s="10" t="s">
        <v>6</v>
      </c>
      <c r="B10" s="10" t="s">
        <v>206</v>
      </c>
      <c r="C10" s="10" t="s">
        <v>207</v>
      </c>
      <c r="D10" s="10" t="s">
        <v>207</v>
      </c>
    </row>
    <row r="11" spans="1:4" ht="21" x14ac:dyDescent="0.25">
      <c r="A11" s="10" t="s">
        <v>7</v>
      </c>
      <c r="B11" s="10" t="s">
        <v>7</v>
      </c>
      <c r="C11" s="1" t="s">
        <v>208</v>
      </c>
      <c r="D11" s="1" t="s">
        <v>209</v>
      </c>
    </row>
    <row r="12" spans="1:4" x14ac:dyDescent="0.25">
      <c r="A12" s="3" t="s">
        <v>24</v>
      </c>
      <c r="B12" s="5" t="s">
        <v>210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11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12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13</v>
      </c>
      <c r="C15" s="11">
        <v>0</v>
      </c>
      <c r="D15" s="11">
        <v>89394959.689999998</v>
      </c>
    </row>
    <row r="16" spans="1:4" x14ac:dyDescent="0.25">
      <c r="A16" s="3" t="s">
        <v>32</v>
      </c>
      <c r="B16" s="5" t="s">
        <v>211</v>
      </c>
      <c r="C16" s="11">
        <v>0</v>
      </c>
      <c r="D16" s="11">
        <v>50000000</v>
      </c>
    </row>
    <row r="17" spans="1:4" x14ac:dyDescent="0.25">
      <c r="A17" s="2" t="s">
        <v>34</v>
      </c>
      <c r="B17" s="4" t="s">
        <v>109</v>
      </c>
      <c r="C17" s="12">
        <v>0</v>
      </c>
      <c r="D17" s="12">
        <v>50000000</v>
      </c>
    </row>
    <row r="18" spans="1:4" x14ac:dyDescent="0.25">
      <c r="A18" s="2" t="s">
        <v>36</v>
      </c>
      <c r="B18" s="4" t="s">
        <v>214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15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16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17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12</v>
      </c>
      <c r="C22" s="11">
        <v>0</v>
      </c>
      <c r="D22" s="11">
        <v>39394959.689999998</v>
      </c>
    </row>
    <row r="23" spans="1:4" x14ac:dyDescent="0.25">
      <c r="A23" s="2" t="s">
        <v>46</v>
      </c>
      <c r="B23" s="4" t="s">
        <v>109</v>
      </c>
      <c r="C23" s="12">
        <v>0</v>
      </c>
      <c r="D23" s="12">
        <v>39394959.689999998</v>
      </c>
    </row>
    <row r="24" spans="1:4" x14ac:dyDescent="0.25">
      <c r="A24" s="2" t="s">
        <v>48</v>
      </c>
      <c r="B24" s="4" t="s">
        <v>214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18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16</v>
      </c>
      <c r="C26" s="12">
        <v>0</v>
      </c>
      <c r="D26" s="12">
        <v>0</v>
      </c>
    </row>
    <row r="27" spans="1:4" x14ac:dyDescent="0.25">
      <c r="A27" s="2" t="s">
        <v>57</v>
      </c>
      <c r="B27" s="4" t="s">
        <v>219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20</v>
      </c>
      <c r="C28" s="11">
        <v>0</v>
      </c>
      <c r="D28" s="11">
        <v>89394959.689999998</v>
      </c>
    </row>
    <row r="30" spans="1:4" x14ac:dyDescent="0.25">
      <c r="A30" s="10" t="s">
        <v>6</v>
      </c>
      <c r="B30" s="10" t="s">
        <v>221</v>
      </c>
      <c r="C30" s="10" t="s">
        <v>55</v>
      </c>
      <c r="D30" s="10" t="s">
        <v>222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23</v>
      </c>
      <c r="C32" s="12">
        <v>15816038193.469999</v>
      </c>
      <c r="D32" s="12">
        <v>100</v>
      </c>
    </row>
    <row r="33" spans="1:4" x14ac:dyDescent="0.25">
      <c r="A33" s="2" t="s">
        <v>63</v>
      </c>
      <c r="B33" s="4" t="s">
        <v>224</v>
      </c>
      <c r="C33" s="12">
        <v>6924249</v>
      </c>
      <c r="D33" s="12">
        <v>0.04</v>
      </c>
    </row>
    <row r="34" spans="1:4" x14ac:dyDescent="0.25">
      <c r="A34" s="3" t="s">
        <v>65</v>
      </c>
      <c r="B34" s="5" t="s">
        <v>225</v>
      </c>
      <c r="C34" s="11">
        <v>15809113944.469999</v>
      </c>
      <c r="D34" s="11">
        <v>99.96</v>
      </c>
    </row>
    <row r="35" spans="1:4" x14ac:dyDescent="0.25">
      <c r="A35" s="2" t="s">
        <v>67</v>
      </c>
      <c r="B35" s="4" t="s">
        <v>226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27</v>
      </c>
      <c r="C36" s="12">
        <v>89394959.689999998</v>
      </c>
      <c r="D36" s="12">
        <v>0.56999999999999995</v>
      </c>
    </row>
    <row r="37" spans="1:4" x14ac:dyDescent="0.25">
      <c r="A37" s="2" t="s">
        <v>71</v>
      </c>
      <c r="B37" s="4" t="s">
        <v>228</v>
      </c>
      <c r="C37" s="12">
        <v>2529458231.1199999</v>
      </c>
      <c r="D37" s="12">
        <v>16</v>
      </c>
    </row>
    <row r="38" spans="1:4" x14ac:dyDescent="0.25">
      <c r="A38" s="2" t="s">
        <v>86</v>
      </c>
      <c r="B38" s="4" t="s">
        <v>229</v>
      </c>
      <c r="C38" s="12">
        <v>2276512408.0100002</v>
      </c>
      <c r="D38" s="12">
        <v>14.4</v>
      </c>
    </row>
    <row r="39" spans="1:4" x14ac:dyDescent="0.25">
      <c r="A39" s="2" t="s">
        <v>128</v>
      </c>
      <c r="B39" s="4" t="s">
        <v>230</v>
      </c>
      <c r="C39" s="12">
        <v>0</v>
      </c>
      <c r="D39" s="12">
        <v>0</v>
      </c>
    </row>
    <row r="40" spans="1:4" x14ac:dyDescent="0.25">
      <c r="A40" s="2" t="s">
        <v>130</v>
      </c>
      <c r="B40" s="4" t="s">
        <v>231</v>
      </c>
      <c r="C40" s="12">
        <v>1106637976.1099999</v>
      </c>
      <c r="D40" s="12">
        <v>7</v>
      </c>
    </row>
    <row r="42" spans="1:4" x14ac:dyDescent="0.25">
      <c r="A42" s="10" t="s">
        <v>6</v>
      </c>
      <c r="B42" s="10" t="s">
        <v>232</v>
      </c>
      <c r="C42" s="10" t="s">
        <v>233</v>
      </c>
      <c r="D42" s="10" t="s">
        <v>233</v>
      </c>
    </row>
    <row r="43" spans="1:4" ht="21" x14ac:dyDescent="0.25">
      <c r="A43" s="10" t="s">
        <v>7</v>
      </c>
      <c r="B43" s="10" t="s">
        <v>7</v>
      </c>
      <c r="C43" s="1" t="s">
        <v>208</v>
      </c>
      <c r="D43" s="1" t="s">
        <v>209</v>
      </c>
    </row>
    <row r="44" spans="1:4" x14ac:dyDescent="0.25">
      <c r="A44" s="3" t="s">
        <v>131</v>
      </c>
      <c r="B44" s="5" t="s">
        <v>234</v>
      </c>
      <c r="C44" s="11">
        <v>0</v>
      </c>
      <c r="D44" s="11">
        <v>0</v>
      </c>
    </row>
    <row r="45" spans="1:4" x14ac:dyDescent="0.25">
      <c r="A45" s="2" t="s">
        <v>133</v>
      </c>
      <c r="B45" s="4" t="s">
        <v>235</v>
      </c>
      <c r="C45" s="12">
        <v>0</v>
      </c>
      <c r="D45" s="12">
        <v>0</v>
      </c>
    </row>
    <row r="46" spans="1:4" x14ac:dyDescent="0.25">
      <c r="A46" s="2" t="s">
        <v>135</v>
      </c>
      <c r="B46" s="4" t="s">
        <v>236</v>
      </c>
      <c r="C46" s="12">
        <v>0</v>
      </c>
      <c r="D46" s="12">
        <v>0</v>
      </c>
    </row>
    <row r="47" spans="1:4" x14ac:dyDescent="0.25">
      <c r="A47" s="2" t="s">
        <v>137</v>
      </c>
      <c r="B47" s="4" t="s">
        <v>237</v>
      </c>
      <c r="C47" s="12">
        <v>0</v>
      </c>
      <c r="D47" s="12">
        <v>0</v>
      </c>
    </row>
    <row r="48" spans="1:4" x14ac:dyDescent="0.25">
      <c r="A48" s="2" t="s">
        <v>139</v>
      </c>
      <c r="B48" s="4" t="s">
        <v>238</v>
      </c>
      <c r="C48" s="12">
        <v>0</v>
      </c>
      <c r="D48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7"/>
  <sheetViews>
    <sheetView showGridLines="0" workbookViewId="0"/>
  </sheetViews>
  <sheetFormatPr defaultRowHeight="15" x14ac:dyDescent="0.25"/>
  <cols>
    <col min="2" max="2" width="68.42578125" bestFit="1" customWidth="1"/>
    <col min="3" max="3" width="19" bestFit="1" customWidth="1"/>
    <col min="4" max="6" width="16" bestFit="1" customWidth="1"/>
    <col min="7" max="7" width="17.28515625" bestFit="1" customWidth="1"/>
    <col min="8" max="8" width="9.28515625" bestFit="1" customWidth="1"/>
    <col min="9" max="9" width="19" bestFit="1" customWidth="1"/>
    <col min="10" max="10" width="17.28515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3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24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241</v>
      </c>
      <c r="C10" s="10" t="s">
        <v>242</v>
      </c>
      <c r="D10" s="10" t="s">
        <v>243</v>
      </c>
      <c r="E10" s="10" t="s">
        <v>7</v>
      </c>
      <c r="F10" s="10" t="s">
        <v>7</v>
      </c>
      <c r="G10" s="10" t="s">
        <v>7</v>
      </c>
      <c r="H10" s="10" t="s">
        <v>248</v>
      </c>
      <c r="I10" s="10" t="s">
        <v>249</v>
      </c>
      <c r="J10" s="10" t="s">
        <v>250</v>
      </c>
      <c r="K10" s="10" t="s">
        <v>251</v>
      </c>
      <c r="L10" s="10" t="s">
        <v>252</v>
      </c>
    </row>
    <row r="11" spans="1:12" ht="105" x14ac:dyDescent="0.25">
      <c r="A11" s="10" t="s">
        <v>7</v>
      </c>
      <c r="B11" s="10" t="s">
        <v>7</v>
      </c>
      <c r="C11" s="10" t="s">
        <v>7</v>
      </c>
      <c r="D11" s="1" t="s">
        <v>244</v>
      </c>
      <c r="E11" s="1" t="s">
        <v>245</v>
      </c>
      <c r="F11" s="1" t="s">
        <v>246</v>
      </c>
      <c r="G11" s="1" t="s">
        <v>247</v>
      </c>
      <c r="H11" s="10" t="s">
        <v>7</v>
      </c>
      <c r="I11" s="10" t="s">
        <v>7</v>
      </c>
      <c r="J11" s="10" t="s">
        <v>7</v>
      </c>
      <c r="K11" s="10" t="s">
        <v>7</v>
      </c>
      <c r="L11" s="10" t="s">
        <v>7</v>
      </c>
    </row>
    <row r="12" spans="1:12" x14ac:dyDescent="0.25">
      <c r="A12" s="3" t="s">
        <v>24</v>
      </c>
      <c r="B12" s="5" t="s">
        <v>253</v>
      </c>
      <c r="C12" s="11">
        <v>3478602268.8200002</v>
      </c>
      <c r="D12" s="11">
        <v>47515149.32</v>
      </c>
      <c r="E12" s="11">
        <v>13127650.050000001</v>
      </c>
      <c r="F12" s="11">
        <v>37098021.399999999</v>
      </c>
      <c r="G12" s="11">
        <v>401034253.02999997</v>
      </c>
      <c r="H12" s="11">
        <v>0</v>
      </c>
      <c r="I12" s="11">
        <v>2979827195.02</v>
      </c>
      <c r="J12" s="11">
        <v>497375105.63</v>
      </c>
      <c r="K12" s="11">
        <v>0</v>
      </c>
      <c r="L12" s="11">
        <v>2482452089.3899999</v>
      </c>
    </row>
    <row r="13" spans="1:12" x14ac:dyDescent="0.25">
      <c r="A13" s="2" t="s">
        <v>26</v>
      </c>
      <c r="B13" s="4" t="s">
        <v>254</v>
      </c>
      <c r="C13" s="12">
        <v>3478602268.8200002</v>
      </c>
      <c r="D13" s="12">
        <v>47515149.32</v>
      </c>
      <c r="E13" s="12">
        <v>13127650.050000001</v>
      </c>
      <c r="F13" s="12">
        <v>37098021.399999999</v>
      </c>
      <c r="G13" s="12">
        <v>401034253.02999997</v>
      </c>
      <c r="H13" s="12">
        <v>0</v>
      </c>
      <c r="I13" s="12">
        <v>2979827195.02</v>
      </c>
      <c r="J13" s="12">
        <v>497375105.63</v>
      </c>
      <c r="K13" s="12">
        <v>0</v>
      </c>
      <c r="L13" s="12">
        <v>2482452089.3899999</v>
      </c>
    </row>
    <row r="14" spans="1:12" x14ac:dyDescent="0.25">
      <c r="A14" s="2" t="s">
        <v>28</v>
      </c>
      <c r="B14" s="4" t="s">
        <v>255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  <c r="J14" s="12">
        <v>0</v>
      </c>
      <c r="K14" s="12">
        <v>0</v>
      </c>
      <c r="L14" s="12">
        <v>0</v>
      </c>
    </row>
    <row r="15" spans="1:12" x14ac:dyDescent="0.25">
      <c r="A15" s="3" t="s">
        <v>30</v>
      </c>
      <c r="B15" s="5" t="s">
        <v>256</v>
      </c>
      <c r="C15" s="11">
        <v>1606266687</v>
      </c>
      <c r="D15" s="11">
        <v>11763232.33</v>
      </c>
      <c r="E15" s="11">
        <v>63501777.409999996</v>
      </c>
      <c r="F15" s="11">
        <v>24676642.550000001</v>
      </c>
      <c r="G15" s="11">
        <v>14423610.08</v>
      </c>
      <c r="H15" s="11">
        <v>0</v>
      </c>
      <c r="I15" s="11">
        <v>1491901424.6300001</v>
      </c>
      <c r="J15" s="11">
        <v>380433589.48000002</v>
      </c>
      <c r="K15" s="11">
        <v>0</v>
      </c>
      <c r="L15" s="11">
        <v>1111467835.1500001</v>
      </c>
    </row>
    <row r="16" spans="1:12" x14ac:dyDescent="0.25">
      <c r="A16" s="2" t="s">
        <v>32</v>
      </c>
      <c r="B16" s="4" t="s">
        <v>257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  <c r="K16" s="12">
        <v>0</v>
      </c>
      <c r="L16" s="12">
        <v>0</v>
      </c>
    </row>
    <row r="17" spans="1:12" x14ac:dyDescent="0.25">
      <c r="A17" s="2" t="s">
        <v>34</v>
      </c>
      <c r="B17" s="4" t="s">
        <v>258</v>
      </c>
      <c r="C17" s="12">
        <v>71666535.219999999</v>
      </c>
      <c r="D17" s="12">
        <v>0</v>
      </c>
      <c r="E17" s="12">
        <v>0</v>
      </c>
      <c r="F17" s="12">
        <v>0</v>
      </c>
      <c r="G17" s="12">
        <v>65813.22</v>
      </c>
      <c r="H17" s="12">
        <v>0</v>
      </c>
      <c r="I17" s="12">
        <v>71600722</v>
      </c>
      <c r="J17" s="12">
        <v>43075240.450000003</v>
      </c>
      <c r="K17" s="12">
        <v>0</v>
      </c>
      <c r="L17" s="12">
        <v>28525481.550000001</v>
      </c>
    </row>
    <row r="18" spans="1:12" x14ac:dyDescent="0.25">
      <c r="A18" s="2" t="s">
        <v>36</v>
      </c>
      <c r="B18" s="4" t="s">
        <v>259</v>
      </c>
      <c r="C18" s="12">
        <v>7033520.5700000003</v>
      </c>
      <c r="D18" s="12">
        <v>0</v>
      </c>
      <c r="E18" s="12">
        <v>0</v>
      </c>
      <c r="F18" s="12">
        <v>145275.1</v>
      </c>
      <c r="G18" s="12">
        <v>72259.649999999994</v>
      </c>
      <c r="H18" s="12">
        <v>0</v>
      </c>
      <c r="I18" s="12">
        <v>6815985.8200000003</v>
      </c>
      <c r="J18" s="12">
        <v>5640145.7400000002</v>
      </c>
      <c r="K18" s="12">
        <v>0</v>
      </c>
      <c r="L18" s="12">
        <v>1175840.08</v>
      </c>
    </row>
    <row r="19" spans="1:12" x14ac:dyDescent="0.25">
      <c r="A19" s="2" t="s">
        <v>38</v>
      </c>
      <c r="B19" s="4" t="s">
        <v>260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40</v>
      </c>
      <c r="B20" s="4" t="s">
        <v>261</v>
      </c>
      <c r="C20" s="12">
        <v>222443987.37</v>
      </c>
      <c r="D20" s="12">
        <v>56274.75</v>
      </c>
      <c r="E20" s="12">
        <v>297297.94</v>
      </c>
      <c r="F20" s="12">
        <v>79476.19</v>
      </c>
      <c r="G20" s="12">
        <v>183393.14</v>
      </c>
      <c r="H20" s="12">
        <v>0</v>
      </c>
      <c r="I20" s="12">
        <v>221827545.34999999</v>
      </c>
      <c r="J20" s="12">
        <v>56062976.420000002</v>
      </c>
      <c r="K20" s="12">
        <v>0</v>
      </c>
      <c r="L20" s="12">
        <v>165764568.93000001</v>
      </c>
    </row>
    <row r="21" spans="1:12" x14ac:dyDescent="0.25">
      <c r="A21" s="2" t="s">
        <v>42</v>
      </c>
      <c r="B21" s="4" t="s">
        <v>262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</row>
    <row r="22" spans="1:12" x14ac:dyDescent="0.25">
      <c r="A22" s="2" t="s">
        <v>44</v>
      </c>
      <c r="B22" s="4" t="s">
        <v>263</v>
      </c>
      <c r="C22" s="12">
        <v>25608432.379999999</v>
      </c>
      <c r="D22" s="12">
        <v>0</v>
      </c>
      <c r="E22" s="12">
        <v>19643091.18</v>
      </c>
      <c r="F22" s="12">
        <v>0</v>
      </c>
      <c r="G22" s="12">
        <v>5965341.2000000002</v>
      </c>
      <c r="H22" s="12">
        <v>0</v>
      </c>
      <c r="I22" s="12">
        <v>0</v>
      </c>
      <c r="J22" s="12">
        <v>0</v>
      </c>
      <c r="K22" s="12">
        <v>0</v>
      </c>
      <c r="L22" s="12">
        <v>0</v>
      </c>
    </row>
    <row r="23" spans="1:12" x14ac:dyDescent="0.25">
      <c r="A23" s="2" t="s">
        <v>46</v>
      </c>
      <c r="B23" s="4" t="s">
        <v>26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</row>
    <row r="24" spans="1:12" x14ac:dyDescent="0.25">
      <c r="A24" s="2" t="s">
        <v>48</v>
      </c>
      <c r="B24" s="4" t="s">
        <v>265</v>
      </c>
      <c r="C24" s="12">
        <v>95575909.780000001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95575909.780000001</v>
      </c>
      <c r="J24" s="12">
        <v>13273765.25</v>
      </c>
      <c r="K24" s="12">
        <v>0</v>
      </c>
      <c r="L24" s="12">
        <v>82302144.530000001</v>
      </c>
    </row>
    <row r="25" spans="1:12" x14ac:dyDescent="0.25">
      <c r="A25" s="2" t="s">
        <v>50</v>
      </c>
      <c r="B25" s="4" t="s">
        <v>266</v>
      </c>
      <c r="C25" s="12">
        <v>10327968.17</v>
      </c>
      <c r="D25" s="12">
        <v>0</v>
      </c>
      <c r="E25" s="12">
        <v>0</v>
      </c>
      <c r="F25" s="12">
        <v>0</v>
      </c>
      <c r="G25" s="12">
        <v>153845</v>
      </c>
      <c r="H25" s="12">
        <v>0</v>
      </c>
      <c r="I25" s="12">
        <v>10174123.17</v>
      </c>
      <c r="J25" s="12">
        <v>0</v>
      </c>
      <c r="K25" s="12">
        <v>0</v>
      </c>
      <c r="L25" s="12">
        <v>10174123.17</v>
      </c>
    </row>
    <row r="26" spans="1:12" x14ac:dyDescent="0.25">
      <c r="A26" s="2" t="s">
        <v>52</v>
      </c>
      <c r="B26" s="4" t="s">
        <v>267</v>
      </c>
      <c r="C26" s="12">
        <v>1173610333.51</v>
      </c>
      <c r="D26" s="12">
        <v>11706957.58</v>
      </c>
      <c r="E26" s="12">
        <v>43561388.289999999</v>
      </c>
      <c r="F26" s="12">
        <v>24451891.260000002</v>
      </c>
      <c r="G26" s="12">
        <v>7982957.8700000001</v>
      </c>
      <c r="H26" s="12">
        <v>0</v>
      </c>
      <c r="I26" s="12">
        <v>1085907138.51</v>
      </c>
      <c r="J26" s="12">
        <v>262381461.62</v>
      </c>
      <c r="K26" s="12">
        <v>0</v>
      </c>
      <c r="L26" s="12">
        <v>823525676.88999999</v>
      </c>
    </row>
    <row r="27" spans="1:12" x14ac:dyDescent="0.25">
      <c r="A27" s="3" t="s">
        <v>57</v>
      </c>
      <c r="B27" s="5" t="s">
        <v>268</v>
      </c>
      <c r="C27" s="11">
        <v>5084868955.8199997</v>
      </c>
      <c r="D27" s="11">
        <v>59278381.649999999</v>
      </c>
      <c r="E27" s="11">
        <v>76629427.459999993</v>
      </c>
      <c r="F27" s="11">
        <v>61774663.950000003</v>
      </c>
      <c r="G27" s="11">
        <v>415457863.11000001</v>
      </c>
      <c r="H27" s="11">
        <v>0</v>
      </c>
      <c r="I27" s="11">
        <v>4471728619.6499996</v>
      </c>
      <c r="J27" s="11">
        <v>877808695.11000001</v>
      </c>
      <c r="K27" s="11">
        <v>0</v>
      </c>
      <c r="L27" s="11">
        <v>3593919924.54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6.85546875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69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70</v>
      </c>
      <c r="B9" s="7"/>
      <c r="C9" s="7"/>
      <c r="D9" s="7"/>
    </row>
    <row r="10" spans="1:4" x14ac:dyDescent="0.25">
      <c r="A10" s="10" t="s">
        <v>6</v>
      </c>
      <c r="B10" s="10" t="s">
        <v>271</v>
      </c>
      <c r="C10" s="10" t="s">
        <v>272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73</v>
      </c>
      <c r="C12" s="12">
        <v>15816038193.469999</v>
      </c>
    </row>
    <row r="13" spans="1:4" x14ac:dyDescent="0.25">
      <c r="A13" s="2" t="s">
        <v>26</v>
      </c>
      <c r="B13" s="4" t="s">
        <v>274</v>
      </c>
      <c r="C13" s="12">
        <v>15809113944.469999</v>
      </c>
    </row>
    <row r="14" spans="1:4" x14ac:dyDescent="0.25">
      <c r="A14" s="2" t="s">
        <v>28</v>
      </c>
      <c r="B14" s="4" t="s">
        <v>275</v>
      </c>
      <c r="C14" s="12">
        <v>15797113944.469999</v>
      </c>
    </row>
    <row r="16" spans="1:4" x14ac:dyDescent="0.25">
      <c r="A16" s="10" t="s">
        <v>6</v>
      </c>
      <c r="B16" s="10" t="s">
        <v>8</v>
      </c>
      <c r="C16" s="10" t="s">
        <v>55</v>
      </c>
      <c r="D16" s="10" t="s">
        <v>56</v>
      </c>
    </row>
    <row r="17" spans="1:4" x14ac:dyDescent="0.25">
      <c r="A17" s="10" t="s">
        <v>7</v>
      </c>
      <c r="B17" s="10" t="s">
        <v>7</v>
      </c>
      <c r="C17" s="10" t="s">
        <v>7</v>
      </c>
      <c r="D17" s="10" t="s">
        <v>7</v>
      </c>
    </row>
    <row r="18" spans="1:4" x14ac:dyDescent="0.25">
      <c r="A18" s="2" t="s">
        <v>30</v>
      </c>
      <c r="B18" s="4" t="s">
        <v>276</v>
      </c>
      <c r="C18" s="12">
        <v>6416151897.8800001</v>
      </c>
      <c r="D18" s="12">
        <v>40.619999999999997</v>
      </c>
    </row>
    <row r="19" spans="1:4" x14ac:dyDescent="0.25">
      <c r="A19" s="2" t="s">
        <v>32</v>
      </c>
      <c r="B19" s="4" t="s">
        <v>277</v>
      </c>
      <c r="C19" s="12">
        <v>7740585832.79</v>
      </c>
      <c r="D19" s="12">
        <v>49</v>
      </c>
    </row>
    <row r="20" spans="1:4" x14ac:dyDescent="0.25">
      <c r="A20" s="2" t="s">
        <v>34</v>
      </c>
      <c r="B20" s="4" t="s">
        <v>278</v>
      </c>
      <c r="C20" s="12">
        <v>7353556541.1499996</v>
      </c>
      <c r="D20" s="12">
        <v>46.55</v>
      </c>
    </row>
    <row r="21" spans="1:4" x14ac:dyDescent="0.25">
      <c r="A21" s="2" t="s">
        <v>36</v>
      </c>
      <c r="B21" s="4" t="s">
        <v>279</v>
      </c>
      <c r="C21" s="12">
        <v>6966527249.5100002</v>
      </c>
      <c r="D21" s="12">
        <v>44.1</v>
      </c>
    </row>
    <row r="23" spans="1:4" x14ac:dyDescent="0.25">
      <c r="A23" s="10" t="s">
        <v>6</v>
      </c>
      <c r="B23" s="10" t="s">
        <v>100</v>
      </c>
      <c r="C23" s="10" t="s">
        <v>55</v>
      </c>
      <c r="D23" s="10" t="s">
        <v>222</v>
      </c>
    </row>
    <row r="24" spans="1:4" x14ac:dyDescent="0.25">
      <c r="A24" s="10" t="s">
        <v>7</v>
      </c>
      <c r="B24" s="10" t="s">
        <v>7</v>
      </c>
      <c r="C24" s="10" t="s">
        <v>7</v>
      </c>
      <c r="D24" s="10" t="s">
        <v>7</v>
      </c>
    </row>
    <row r="25" spans="1:4" x14ac:dyDescent="0.25">
      <c r="A25" s="2" t="s">
        <v>38</v>
      </c>
      <c r="B25" s="4" t="s">
        <v>280</v>
      </c>
      <c r="C25" s="12">
        <v>3383342191.5999999</v>
      </c>
      <c r="D25" s="12">
        <v>21.4</v>
      </c>
    </row>
    <row r="26" spans="1:4" x14ac:dyDescent="0.25">
      <c r="A26" s="2" t="s">
        <v>40</v>
      </c>
      <c r="B26" s="4" t="s">
        <v>281</v>
      </c>
      <c r="C26" s="12">
        <v>31632076386.939999</v>
      </c>
      <c r="D26" s="12">
        <v>200</v>
      </c>
    </row>
    <row r="28" spans="1:4" x14ac:dyDescent="0.25">
      <c r="A28" s="10" t="s">
        <v>6</v>
      </c>
      <c r="B28" s="10" t="s">
        <v>282</v>
      </c>
      <c r="C28" s="10" t="s">
        <v>55</v>
      </c>
      <c r="D28" s="10" t="s">
        <v>222</v>
      </c>
    </row>
    <row r="29" spans="1:4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4" x14ac:dyDescent="0.25">
      <c r="A30" s="2" t="s">
        <v>42</v>
      </c>
      <c r="B30" s="4" t="s">
        <v>283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81</v>
      </c>
      <c r="C31" s="12">
        <v>3478005067.7800002</v>
      </c>
      <c r="D31" s="12">
        <v>21.99</v>
      </c>
    </row>
    <row r="33" spans="1:4" x14ac:dyDescent="0.25">
      <c r="A33" s="10" t="s">
        <v>6</v>
      </c>
      <c r="B33" s="10" t="s">
        <v>206</v>
      </c>
      <c r="C33" s="10" t="s">
        <v>55</v>
      </c>
      <c r="D33" s="10" t="s">
        <v>222</v>
      </c>
    </row>
    <row r="34" spans="1:4" x14ac:dyDescent="0.25">
      <c r="A34" s="10" t="s">
        <v>7</v>
      </c>
      <c r="B34" s="10" t="s">
        <v>7</v>
      </c>
      <c r="C34" s="10" t="s">
        <v>7</v>
      </c>
      <c r="D34" s="10" t="s">
        <v>7</v>
      </c>
    </row>
    <row r="35" spans="1:4" x14ac:dyDescent="0.25">
      <c r="A35" s="2" t="s">
        <v>46</v>
      </c>
      <c r="B35" s="4" t="s">
        <v>284</v>
      </c>
      <c r="C35" s="12">
        <v>89394959.689999998</v>
      </c>
      <c r="D35" s="12">
        <v>0.56999999999999995</v>
      </c>
    </row>
    <row r="36" spans="1:4" x14ac:dyDescent="0.25">
      <c r="A36" s="2" t="s">
        <v>48</v>
      </c>
      <c r="B36" s="4" t="s">
        <v>285</v>
      </c>
      <c r="C36" s="12">
        <v>2529458231.1199999</v>
      </c>
      <c r="D36" s="12">
        <v>16</v>
      </c>
    </row>
    <row r="37" spans="1:4" x14ac:dyDescent="0.25">
      <c r="A37" s="2" t="s">
        <v>50</v>
      </c>
      <c r="B37" s="4" t="s">
        <v>286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87</v>
      </c>
      <c r="C38" s="12">
        <v>1106637976.1099999</v>
      </c>
      <c r="D38" s="12">
        <v>7</v>
      </c>
    </row>
    <row r="40" spans="1:4" x14ac:dyDescent="0.25">
      <c r="A40" s="10" t="s">
        <v>6</v>
      </c>
      <c r="B40" s="10" t="s">
        <v>288</v>
      </c>
      <c r="C40" s="10" t="s">
        <v>289</v>
      </c>
      <c r="D40" s="10" t="s">
        <v>290</v>
      </c>
    </row>
    <row r="41" spans="1:4" x14ac:dyDescent="0.25">
      <c r="A41" s="10" t="s">
        <v>7</v>
      </c>
      <c r="B41" s="10" t="s">
        <v>7</v>
      </c>
      <c r="C41" s="10" t="s">
        <v>7</v>
      </c>
      <c r="D41" s="10" t="s">
        <v>7</v>
      </c>
    </row>
    <row r="42" spans="1:4" x14ac:dyDescent="0.25">
      <c r="A42" s="2" t="s">
        <v>57</v>
      </c>
      <c r="B42" s="4" t="s">
        <v>291</v>
      </c>
      <c r="C42" s="12">
        <v>877808695.11000001</v>
      </c>
      <c r="D42" s="12">
        <v>3593919924.54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7</vt:i4>
      </vt:variant>
    </vt:vector>
  </HeadingPairs>
  <TitlesOfParts>
    <vt:vector size="7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1-27T12:40:02Z</dcterms:created>
  <dcterms:modified xsi:type="dcterms:W3CDTF">2022-01-27T12:43:18Z</dcterms:modified>
</cp:coreProperties>
</file>